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6\00_発送業務\03_市HP掲載\"/>
    </mc:Choice>
  </mc:AlternateContent>
  <bookViews>
    <workbookView xWindow="0" yWindow="0" windowWidth="23040" windowHeight="9105"/>
  </bookViews>
  <sheets>
    <sheet name="収支決算" sheetId="2" r:id="rId1"/>
  </sheets>
  <definedNames>
    <definedName name="_xlnm.Print_Area" localSheetId="0">収支決算!$A$1:$D$31</definedName>
  </definedNames>
  <calcPr calcId="162913"/>
</workbook>
</file>

<file path=xl/calcChain.xml><?xml version="1.0" encoding="utf-8"?>
<calcChain xmlns="http://schemas.openxmlformats.org/spreadsheetml/2006/main">
  <c r="B27" i="2" l="1"/>
  <c r="B21" i="2"/>
</calcChain>
</file>

<file path=xl/sharedStrings.xml><?xml version="1.0" encoding="utf-8"?>
<sst xmlns="http://schemas.openxmlformats.org/spreadsheetml/2006/main" count="44" uniqueCount="41">
  <si>
    <t>【収　入】</t>
  </si>
  <si>
    <t>区　　　　分</t>
  </si>
  <si>
    <t>説　　　　明</t>
  </si>
  <si>
    <t>◎預金利息等</t>
  </si>
  <si>
    <t>（該当の欄に○印）</t>
  </si>
  <si>
    <t>会員数（６０歳以上）</t>
  </si>
  <si>
    <t>２９人まで</t>
  </si>
  <si>
    <t>５０，０００円</t>
  </si>
  <si>
    <t>３０人～４９人</t>
  </si>
  <si>
    <t>６０，０００円</t>
  </si>
  <si>
    <t>５０人～６９人</t>
  </si>
  <si>
    <t>７０，０００円</t>
  </si>
  <si>
    <t>７０人～９９人</t>
  </si>
  <si>
    <t>８０，０００円</t>
  </si>
  <si>
    <t>１００人～１４９人</t>
  </si>
  <si>
    <t>９０，０００円</t>
  </si>
  <si>
    <t>１５０人～１９９人</t>
  </si>
  <si>
    <t>１００，０００円</t>
  </si>
  <si>
    <t>２００人～２４９人</t>
  </si>
  <si>
    <t>１１０，０００円</t>
  </si>
  <si>
    <t>２５０人～２９９人</t>
  </si>
  <si>
    <t>１２０，０００円</t>
  </si>
  <si>
    <t>３００人以上</t>
  </si>
  <si>
    <t>合　　　計</t>
  </si>
  <si>
    <t>【支　出】</t>
  </si>
  <si>
    <t>④市補助対象経費</t>
  </si>
  <si>
    <t>⑤市補助対象外経費</t>
  </si>
  <si>
    <t>様式第８号（第９条関係）</t>
  </si>
  <si>
    <t>決　算　額</t>
  </si>
  <si>
    <r>
      <t>◎</t>
    </r>
    <r>
      <rPr>
        <u/>
        <sz val="12"/>
        <color theme="1"/>
        <rFont val="ＭＳ 明朝"/>
        <family val="1"/>
        <charset val="128"/>
      </rPr>
      <t>純然たるﾚｸﾘｴｰｼｮﾝ活動費</t>
    </r>
    <r>
      <rPr>
        <sz val="12"/>
        <color theme="1"/>
        <rFont val="ＭＳ 明朝"/>
        <family val="1"/>
        <charset val="128"/>
      </rPr>
      <t>（新年会，忘年会，花見，旅行等），</t>
    </r>
    <r>
      <rPr>
        <u/>
        <sz val="12"/>
        <color theme="1"/>
        <rFont val="ＭＳ 明朝"/>
        <family val="1"/>
        <charset val="128"/>
      </rPr>
      <t>県、市老連会費，慶弔費</t>
    </r>
    <r>
      <rPr>
        <sz val="12"/>
        <color theme="1"/>
        <rFont val="ＭＳ 明朝"/>
        <family val="1"/>
        <charset val="128"/>
      </rPr>
      <t>（病気見舞、香料、祝金），</t>
    </r>
    <r>
      <rPr>
        <u/>
        <sz val="12"/>
        <color theme="1"/>
        <rFont val="ＭＳ 明朝"/>
        <family val="1"/>
        <charset val="128"/>
      </rPr>
      <t>宴会その他</t>
    </r>
  </si>
  <si>
    <t>合　　計</t>
  </si>
  <si>
    <t>４０，０００円</t>
    <phoneticPr fontId="25"/>
  </si>
  <si>
    <t>自　主　財　源
①</t>
    <phoneticPr fontId="25"/>
  </si>
  <si>
    <t>市単位老人クラブ
補　　助　　金
②</t>
    <rPh sb="9" eb="10">
      <t>ホ</t>
    </rPh>
    <rPh sb="12" eb="13">
      <t>スケ</t>
    </rPh>
    <rPh sb="15" eb="16">
      <t>キム</t>
    </rPh>
    <phoneticPr fontId="25"/>
  </si>
  <si>
    <t>⑥ （ ④  +  ⑤ ）</t>
    <phoneticPr fontId="25"/>
  </si>
  <si>
    <t>③ （ ① + ② ）</t>
    <phoneticPr fontId="25"/>
  </si>
  <si>
    <t>◎社会奉仕事業
◎教養講座の開催事業
◎健康増進事業に係る費用</t>
    <phoneticPr fontId="25"/>
  </si>
  <si>
    <t>◎他団体からの補助金・寄付金等</t>
    <phoneticPr fontId="25"/>
  </si>
  <si>
    <t>◎会費・行事参加者負担金等</t>
    <phoneticPr fontId="25"/>
  </si>
  <si>
    <t>補助金年額</t>
    <phoneticPr fontId="25"/>
  </si>
  <si>
    <t>令和５年度　収支決算書</t>
    <rPh sb="0" eb="2">
      <t>レイワ</t>
    </rPh>
    <phoneticPr fontId="2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&quot;円&quot;"/>
  </numFmts>
  <fonts count="2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4"/>
      <color theme="1"/>
      <name val="Century"/>
      <family val="1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2F2F2"/>
        <bgColor indexed="64"/>
      </patternFill>
    </fill>
  </fills>
  <borders count="3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48">
    <xf numFmtId="0" fontId="0" fillId="0" borderId="0" xfId="0">
      <alignment vertical="center"/>
    </xf>
    <xf numFmtId="0" fontId="20" fillId="0" borderId="0" xfId="0" applyFont="1" applyAlignment="1">
      <alignment horizontal="left" vertical="center"/>
    </xf>
    <xf numFmtId="0" fontId="18" fillId="0" borderId="0" xfId="0" applyFont="1" applyAlignment="1">
      <alignment horizontal="justify" vertical="center"/>
    </xf>
    <xf numFmtId="0" fontId="0" fillId="0" borderId="0" xfId="0">
      <alignment vertical="center"/>
    </xf>
    <xf numFmtId="0" fontId="22" fillId="33" borderId="14" xfId="0" applyFont="1" applyFill="1" applyBorder="1" applyAlignment="1">
      <alignment horizontal="center" vertical="center" wrapText="1"/>
    </xf>
    <xf numFmtId="0" fontId="20" fillId="33" borderId="14" xfId="0" applyFont="1" applyFill="1" applyBorder="1" applyAlignment="1">
      <alignment horizontal="center" vertical="center" wrapText="1"/>
    </xf>
    <xf numFmtId="0" fontId="22" fillId="33" borderId="17" xfId="0" applyFont="1" applyFill="1" applyBorder="1" applyAlignment="1">
      <alignment horizontal="center" vertical="center" wrapText="1"/>
    </xf>
    <xf numFmtId="0" fontId="20" fillId="33" borderId="19" xfId="0" applyFont="1" applyFill="1" applyBorder="1" applyAlignment="1">
      <alignment horizontal="center" vertical="center" wrapText="1"/>
    </xf>
    <xf numFmtId="0" fontId="19" fillId="33" borderId="16" xfId="0" applyFont="1" applyFill="1" applyBorder="1" applyAlignment="1">
      <alignment horizontal="justify" vertical="center" wrapText="1"/>
    </xf>
    <xf numFmtId="0" fontId="19" fillId="33" borderId="18" xfId="0" applyFont="1" applyFill="1" applyBorder="1" applyAlignment="1">
      <alignment horizontal="justify" vertical="center" wrapText="1"/>
    </xf>
    <xf numFmtId="0" fontId="20" fillId="33" borderId="21" xfId="0" applyFont="1" applyFill="1" applyBorder="1" applyAlignment="1">
      <alignment horizontal="justify" vertical="center" wrapText="1"/>
    </xf>
    <xf numFmtId="0" fontId="21" fillId="33" borderId="21" xfId="0" applyFont="1" applyFill="1" applyBorder="1" applyAlignment="1">
      <alignment horizontal="left" vertical="center" wrapText="1"/>
    </xf>
    <xf numFmtId="0" fontId="21" fillId="0" borderId="31" xfId="0" applyFont="1" applyBorder="1" applyAlignment="1">
      <alignment horizontal="right" vertical="center" wrapText="1"/>
    </xf>
    <xf numFmtId="0" fontId="20" fillId="33" borderId="20" xfId="0" applyFont="1" applyFill="1" applyBorder="1" applyAlignment="1">
      <alignment horizontal="justify" vertical="center" wrapText="1"/>
    </xf>
    <xf numFmtId="0" fontId="20" fillId="33" borderId="17" xfId="0" applyFont="1" applyFill="1" applyBorder="1" applyAlignment="1">
      <alignment horizontal="center" vertical="center" wrapText="1"/>
    </xf>
    <xf numFmtId="0" fontId="19" fillId="33" borderId="21" xfId="0" applyFont="1" applyFill="1" applyBorder="1" applyAlignment="1">
      <alignment horizontal="justify" vertical="top" wrapText="1"/>
    </xf>
    <xf numFmtId="0" fontId="19" fillId="33" borderId="21" xfId="0" applyFont="1" applyFill="1" applyBorder="1" applyAlignment="1">
      <alignment horizontal="left" vertical="top" wrapText="1"/>
    </xf>
    <xf numFmtId="0" fontId="19" fillId="33" borderId="32" xfId="0" applyFont="1" applyFill="1" applyBorder="1" applyAlignment="1">
      <alignment horizontal="justify" vertical="center" wrapText="1"/>
    </xf>
    <xf numFmtId="0" fontId="0" fillId="0" borderId="0" xfId="0" applyAlignment="1">
      <alignment vertical="center"/>
    </xf>
    <xf numFmtId="176" fontId="24" fillId="0" borderId="23" xfId="42" applyNumberFormat="1" applyFont="1" applyBorder="1" applyAlignment="1">
      <alignment horizontal="right" vertical="top" wrapText="1"/>
    </xf>
    <xf numFmtId="176" fontId="24" fillId="0" borderId="24" xfId="42" applyNumberFormat="1" applyFont="1" applyBorder="1" applyAlignment="1">
      <alignment horizontal="right" vertical="top" wrapText="1"/>
    </xf>
    <xf numFmtId="0" fontId="24" fillId="0" borderId="0" xfId="0" applyFont="1" applyAlignment="1">
      <alignment horizontal="justify" vertical="center" wrapText="1"/>
    </xf>
    <xf numFmtId="0" fontId="0" fillId="0" borderId="0" xfId="0">
      <alignment vertical="center"/>
    </xf>
    <xf numFmtId="0" fontId="20" fillId="33" borderId="21" xfId="0" applyFont="1" applyFill="1" applyBorder="1" applyAlignment="1">
      <alignment horizontal="left" vertical="top" wrapText="1"/>
    </xf>
    <xf numFmtId="0" fontId="21" fillId="0" borderId="25" xfId="0" applyFont="1" applyBorder="1" applyAlignment="1">
      <alignment horizontal="left" vertical="top" wrapText="1"/>
    </xf>
    <xf numFmtId="0" fontId="21" fillId="0" borderId="26" xfId="0" applyFont="1" applyBorder="1" applyAlignment="1">
      <alignment horizontal="left" vertical="top" wrapText="1"/>
    </xf>
    <xf numFmtId="0" fontId="20" fillId="33" borderId="21" xfId="0" applyFont="1" applyFill="1" applyBorder="1" applyAlignment="1">
      <alignment horizontal="justify" vertical="center" wrapText="1"/>
    </xf>
    <xf numFmtId="0" fontId="24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22" fillId="33" borderId="15" xfId="0" applyFont="1" applyFill="1" applyBorder="1" applyAlignment="1">
      <alignment horizontal="center" vertical="center" wrapText="1"/>
    </xf>
    <xf numFmtId="0" fontId="22" fillId="33" borderId="20" xfId="0" applyFont="1" applyFill="1" applyBorder="1" applyAlignment="1">
      <alignment horizontal="center" vertical="center" wrapText="1"/>
    </xf>
    <xf numFmtId="176" fontId="20" fillId="0" borderId="13" xfId="42" applyNumberFormat="1" applyFont="1" applyBorder="1" applyAlignment="1">
      <alignment horizontal="right" vertical="center" wrapText="1"/>
    </xf>
    <xf numFmtId="176" fontId="20" fillId="0" borderId="12" xfId="42" applyNumberFormat="1" applyFont="1" applyBorder="1" applyAlignment="1">
      <alignment horizontal="right" vertical="center" wrapText="1"/>
    </xf>
    <xf numFmtId="176" fontId="20" fillId="0" borderId="22" xfId="42" applyNumberFormat="1" applyFont="1" applyBorder="1" applyAlignment="1">
      <alignment horizontal="right" vertical="center" wrapText="1"/>
    </xf>
    <xf numFmtId="176" fontId="20" fillId="0" borderId="11" xfId="42" applyNumberFormat="1" applyFont="1" applyBorder="1" applyAlignment="1">
      <alignment horizontal="right" vertical="center" wrapText="1"/>
    </xf>
    <xf numFmtId="176" fontId="20" fillId="0" borderId="23" xfId="42" applyNumberFormat="1" applyFont="1" applyBorder="1" applyAlignment="1">
      <alignment horizontal="right" vertical="center" wrapText="1"/>
    </xf>
    <xf numFmtId="176" fontId="20" fillId="0" borderId="24" xfId="42" applyNumberFormat="1" applyFont="1" applyBorder="1" applyAlignment="1">
      <alignment horizontal="right" vertical="center" wrapText="1"/>
    </xf>
    <xf numFmtId="0" fontId="20" fillId="0" borderId="25" xfId="0" applyFont="1" applyBorder="1" applyAlignment="1">
      <alignment horizontal="left" vertical="center" wrapText="1"/>
    </xf>
    <xf numFmtId="0" fontId="20" fillId="0" borderId="28" xfId="0" applyFont="1" applyBorder="1" applyAlignment="1">
      <alignment horizontal="left" vertical="center" wrapText="1"/>
    </xf>
    <xf numFmtId="176" fontId="20" fillId="0" borderId="27" xfId="0" applyNumberFormat="1" applyFont="1" applyBorder="1" applyAlignment="1">
      <alignment horizontal="right" vertical="center" wrapText="1"/>
    </xf>
    <xf numFmtId="176" fontId="20" fillId="0" borderId="28" xfId="0" applyNumberFormat="1" applyFont="1" applyBorder="1" applyAlignment="1">
      <alignment horizontal="right" vertical="center" wrapText="1"/>
    </xf>
    <xf numFmtId="176" fontId="20" fillId="0" borderId="29" xfId="0" applyNumberFormat="1" applyFont="1" applyBorder="1" applyAlignment="1">
      <alignment horizontal="right" vertical="center" wrapText="1"/>
    </xf>
    <xf numFmtId="176" fontId="20" fillId="0" borderId="30" xfId="0" applyNumberFormat="1" applyFont="1" applyBorder="1" applyAlignment="1">
      <alignment horizontal="right" vertical="center" wrapText="1"/>
    </xf>
    <xf numFmtId="0" fontId="20" fillId="0" borderId="0" xfId="0" applyFont="1" applyAlignment="1">
      <alignment horizontal="center" vertical="center" wrapText="1"/>
    </xf>
    <xf numFmtId="0" fontId="19" fillId="33" borderId="21" xfId="0" applyFont="1" applyFill="1" applyBorder="1" applyAlignment="1">
      <alignment horizontal="left" vertical="top" wrapText="1"/>
    </xf>
    <xf numFmtId="176" fontId="20" fillId="0" borderId="10" xfId="0" applyNumberFormat="1" applyFont="1" applyBorder="1" applyAlignment="1">
      <alignment horizontal="right" vertical="center" wrapText="1"/>
    </xf>
    <xf numFmtId="0" fontId="20" fillId="0" borderId="10" xfId="0" applyFont="1" applyBorder="1" applyAlignment="1">
      <alignment horizontal="right" vertical="center" wrapText="1"/>
    </xf>
    <xf numFmtId="0" fontId="20" fillId="0" borderId="10" xfId="0" applyFont="1" applyBorder="1" applyAlignment="1">
      <alignment horizontal="center" vertical="center" wrapText="1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20980</xdr:colOff>
      <xdr:row>28</xdr:row>
      <xdr:rowOff>195580</xdr:rowOff>
    </xdr:from>
    <xdr:to>
      <xdr:col>2</xdr:col>
      <xdr:colOff>1478280</xdr:colOff>
      <xdr:row>30</xdr:row>
      <xdr:rowOff>104775</xdr:rowOff>
    </xdr:to>
    <xdr:sp macro="" textlink="">
      <xdr:nvSpPr>
        <xdr:cNvPr id="1373" name="Rectangle 349"/>
        <xdr:cNvSpPr>
          <a:spLocks noChangeArrowheads="1"/>
        </xdr:cNvSpPr>
      </xdr:nvSpPr>
      <xdr:spPr bwMode="auto">
        <a:xfrm>
          <a:off x="2230755" y="11225530"/>
          <a:ext cx="1924050" cy="309245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提出書類（２）－③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9"/>
  <sheetViews>
    <sheetView showGridLines="0" tabSelected="1" view="pageBreakPreview" zoomScaleNormal="100" zoomScaleSheetLayoutView="100" workbookViewId="0">
      <selection activeCell="K9" sqref="K9"/>
    </sheetView>
  </sheetViews>
  <sheetFormatPr defaultRowHeight="13.5" x14ac:dyDescent="0.15"/>
  <cols>
    <col min="1" max="1" width="26.375" customWidth="1"/>
    <col min="2" max="2" width="8.75" customWidth="1"/>
    <col min="3" max="3" width="24.375" style="3" customWidth="1"/>
    <col min="4" max="4" width="41.625" customWidth="1"/>
    <col min="5" max="5" width="5.5" customWidth="1"/>
    <col min="6" max="6" width="6.5" customWidth="1"/>
  </cols>
  <sheetData>
    <row r="1" spans="1:6" ht="31.15" customHeight="1" x14ac:dyDescent="0.15">
      <c r="A1" s="1" t="s">
        <v>27</v>
      </c>
    </row>
    <row r="2" spans="1:6" ht="28.9" customHeight="1" x14ac:dyDescent="0.15">
      <c r="A2" s="43" t="s">
        <v>40</v>
      </c>
      <c r="B2" s="43"/>
      <c r="C2" s="43"/>
      <c r="D2" s="43"/>
      <c r="E2" s="18"/>
      <c r="F2" s="18"/>
    </row>
    <row r="3" spans="1:6" ht="24" customHeight="1" x14ac:dyDescent="0.15">
      <c r="A3" s="27" t="s">
        <v>0</v>
      </c>
      <c r="B3" s="28"/>
      <c r="C3" s="28"/>
      <c r="D3" s="28"/>
      <c r="E3" s="28"/>
      <c r="F3" s="28"/>
    </row>
    <row r="4" spans="1:6" ht="24.4" customHeight="1" thickBot="1" x14ac:dyDescent="0.2">
      <c r="A4" s="4" t="s">
        <v>1</v>
      </c>
      <c r="B4" s="29" t="s">
        <v>28</v>
      </c>
      <c r="C4" s="29"/>
      <c r="D4" s="5" t="s">
        <v>2</v>
      </c>
    </row>
    <row r="5" spans="1:6" ht="19.149999999999999" customHeight="1" x14ac:dyDescent="0.15">
      <c r="A5" s="30" t="s">
        <v>32</v>
      </c>
      <c r="B5" s="31">
        <v>0</v>
      </c>
      <c r="C5" s="32"/>
      <c r="D5" s="8" t="s">
        <v>38</v>
      </c>
    </row>
    <row r="6" spans="1:6" ht="19.149999999999999" customHeight="1" x14ac:dyDescent="0.15">
      <c r="A6" s="30"/>
      <c r="B6" s="33"/>
      <c r="C6" s="34"/>
      <c r="D6" s="8" t="s">
        <v>37</v>
      </c>
    </row>
    <row r="7" spans="1:6" ht="19.149999999999999" customHeight="1" x14ac:dyDescent="0.15">
      <c r="A7" s="30"/>
      <c r="B7" s="33"/>
      <c r="C7" s="34"/>
      <c r="D7" s="17" t="s">
        <v>3</v>
      </c>
    </row>
    <row r="8" spans="1:6" ht="19.149999999999999" customHeight="1" x14ac:dyDescent="0.15">
      <c r="A8" s="30"/>
      <c r="B8" s="35"/>
      <c r="C8" s="36"/>
      <c r="D8" s="9"/>
    </row>
    <row r="9" spans="1:6" ht="24.6" customHeight="1" x14ac:dyDescent="0.15">
      <c r="A9" s="30" t="s">
        <v>33</v>
      </c>
      <c r="B9" s="24" t="s">
        <v>39</v>
      </c>
      <c r="C9" s="25"/>
      <c r="D9" s="26"/>
    </row>
    <row r="10" spans="1:6" ht="24.6" customHeight="1" x14ac:dyDescent="0.15">
      <c r="A10" s="30"/>
      <c r="B10" s="19">
        <v>0</v>
      </c>
      <c r="C10" s="20"/>
      <c r="D10" s="26"/>
    </row>
    <row r="11" spans="1:6" ht="30" customHeight="1" thickBot="1" x14ac:dyDescent="0.2">
      <c r="A11" s="30"/>
      <c r="B11" s="37" t="s">
        <v>4</v>
      </c>
      <c r="C11" s="38"/>
      <c r="D11" s="10" t="s">
        <v>5</v>
      </c>
    </row>
    <row r="12" spans="1:6" ht="30" customHeight="1" thickBot="1" x14ac:dyDescent="0.2">
      <c r="A12" s="30"/>
      <c r="B12" s="47"/>
      <c r="C12" s="12" t="s">
        <v>31</v>
      </c>
      <c r="D12" s="11" t="s">
        <v>6</v>
      </c>
    </row>
    <row r="13" spans="1:6" ht="30" customHeight="1" thickBot="1" x14ac:dyDescent="0.2">
      <c r="A13" s="30"/>
      <c r="B13" s="47"/>
      <c r="C13" s="12" t="s">
        <v>7</v>
      </c>
      <c r="D13" s="11" t="s">
        <v>8</v>
      </c>
    </row>
    <row r="14" spans="1:6" ht="30" customHeight="1" thickBot="1" x14ac:dyDescent="0.2">
      <c r="A14" s="30"/>
      <c r="B14" s="47"/>
      <c r="C14" s="12" t="s">
        <v>9</v>
      </c>
      <c r="D14" s="11" t="s">
        <v>10</v>
      </c>
    </row>
    <row r="15" spans="1:6" ht="30" customHeight="1" thickBot="1" x14ac:dyDescent="0.2">
      <c r="A15" s="30"/>
      <c r="B15" s="47"/>
      <c r="C15" s="12" t="s">
        <v>11</v>
      </c>
      <c r="D15" s="11" t="s">
        <v>12</v>
      </c>
    </row>
    <row r="16" spans="1:6" ht="30" customHeight="1" thickBot="1" x14ac:dyDescent="0.2">
      <c r="A16" s="30"/>
      <c r="B16" s="47"/>
      <c r="C16" s="12" t="s">
        <v>13</v>
      </c>
      <c r="D16" s="11" t="s">
        <v>14</v>
      </c>
    </row>
    <row r="17" spans="1:6" ht="30" customHeight="1" thickBot="1" x14ac:dyDescent="0.2">
      <c r="A17" s="30"/>
      <c r="B17" s="47"/>
      <c r="C17" s="12" t="s">
        <v>15</v>
      </c>
      <c r="D17" s="11" t="s">
        <v>16</v>
      </c>
    </row>
    <row r="18" spans="1:6" ht="30" customHeight="1" thickBot="1" x14ac:dyDescent="0.2">
      <c r="A18" s="30"/>
      <c r="B18" s="47"/>
      <c r="C18" s="12" t="s">
        <v>17</v>
      </c>
      <c r="D18" s="11" t="s">
        <v>18</v>
      </c>
    </row>
    <row r="19" spans="1:6" ht="30" customHeight="1" thickBot="1" x14ac:dyDescent="0.2">
      <c r="A19" s="30"/>
      <c r="B19" s="47"/>
      <c r="C19" s="12" t="s">
        <v>19</v>
      </c>
      <c r="D19" s="11" t="s">
        <v>20</v>
      </c>
    </row>
    <row r="20" spans="1:6" ht="30" customHeight="1" thickBot="1" x14ac:dyDescent="0.2">
      <c r="A20" s="30"/>
      <c r="B20" s="47"/>
      <c r="C20" s="12" t="s">
        <v>21</v>
      </c>
      <c r="D20" s="11" t="s">
        <v>22</v>
      </c>
    </row>
    <row r="21" spans="1:6" ht="33.4" customHeight="1" x14ac:dyDescent="0.15">
      <c r="A21" s="6" t="s">
        <v>23</v>
      </c>
      <c r="B21" s="39">
        <f>B5+B10</f>
        <v>0</v>
      </c>
      <c r="C21" s="40"/>
      <c r="D21" s="23"/>
    </row>
    <row r="22" spans="1:6" ht="33.4" customHeight="1" thickBot="1" x14ac:dyDescent="0.2">
      <c r="A22" s="7" t="s">
        <v>35</v>
      </c>
      <c r="B22" s="41"/>
      <c r="C22" s="42"/>
      <c r="D22" s="23"/>
    </row>
    <row r="23" spans="1:6" ht="27" customHeight="1" x14ac:dyDescent="0.15">
      <c r="A23" s="21" t="s">
        <v>24</v>
      </c>
      <c r="B23" s="22"/>
      <c r="C23" s="22"/>
      <c r="D23" s="22"/>
      <c r="E23" s="22"/>
      <c r="F23" s="22"/>
    </row>
    <row r="24" spans="1:6" ht="28.9" customHeight="1" thickBot="1" x14ac:dyDescent="0.2">
      <c r="A24" s="4" t="s">
        <v>1</v>
      </c>
      <c r="B24" s="29" t="s">
        <v>28</v>
      </c>
      <c r="C24" s="29"/>
      <c r="D24" s="4" t="s">
        <v>2</v>
      </c>
    </row>
    <row r="25" spans="1:6" ht="78.599999999999994" customHeight="1" thickBot="1" x14ac:dyDescent="0.2">
      <c r="A25" s="13" t="s">
        <v>25</v>
      </c>
      <c r="B25" s="45">
        <v>0</v>
      </c>
      <c r="C25" s="45"/>
      <c r="D25" s="15" t="s">
        <v>36</v>
      </c>
    </row>
    <row r="26" spans="1:6" ht="78.599999999999994" customHeight="1" thickBot="1" x14ac:dyDescent="0.2">
      <c r="A26" s="13" t="s">
        <v>26</v>
      </c>
      <c r="B26" s="45">
        <v>0</v>
      </c>
      <c r="C26" s="45"/>
      <c r="D26" s="16" t="s">
        <v>29</v>
      </c>
    </row>
    <row r="27" spans="1:6" ht="31.15" customHeight="1" thickBot="1" x14ac:dyDescent="0.2">
      <c r="A27" s="14" t="s">
        <v>30</v>
      </c>
      <c r="B27" s="45">
        <f>B25+B26</f>
        <v>0</v>
      </c>
      <c r="C27" s="46"/>
      <c r="D27" s="44"/>
    </row>
    <row r="28" spans="1:6" ht="30.6" customHeight="1" thickBot="1" x14ac:dyDescent="0.2">
      <c r="A28" s="7" t="s">
        <v>34</v>
      </c>
      <c r="B28" s="46"/>
      <c r="C28" s="46"/>
      <c r="D28" s="44"/>
    </row>
    <row r="29" spans="1:6" ht="18" x14ac:dyDescent="0.15">
      <c r="A29" s="2"/>
    </row>
  </sheetData>
  <mergeCells count="18">
    <mergeCell ref="A2:D2"/>
    <mergeCell ref="D27:D28"/>
    <mergeCell ref="B25:C25"/>
    <mergeCell ref="B24:C24"/>
    <mergeCell ref="B26:C26"/>
    <mergeCell ref="B27:C28"/>
    <mergeCell ref="A3:F3"/>
    <mergeCell ref="B4:C4"/>
    <mergeCell ref="A5:A8"/>
    <mergeCell ref="A9:A20"/>
    <mergeCell ref="B5:C8"/>
    <mergeCell ref="B11:C11"/>
    <mergeCell ref="B10:C10"/>
    <mergeCell ref="A23:F23"/>
    <mergeCell ref="D21:D22"/>
    <mergeCell ref="B9:C9"/>
    <mergeCell ref="D9:D10"/>
    <mergeCell ref="B21:C22"/>
  </mergeCells>
  <phoneticPr fontId="25"/>
  <dataValidations count="1">
    <dataValidation type="list" allowBlank="1" showInputMessage="1" showErrorMessage="1" sqref="B12:B20">
      <formula1>"○"</formula1>
    </dataValidation>
  </dataValidations>
  <pageMargins left="0.59055118110236227" right="0.59055118110236227" top="0.59055118110236227" bottom="0.39370078740157483" header="0.51181102362204722" footer="0.51181102362204722"/>
  <pageSetup paperSize="9" scale="90" orientation="portrait" r:id="rId1"/>
  <colBreaks count="1" manualBreakCount="1">
    <brk id="4" max="1048575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6BA4A19E.dotm</Template>
  <TotalTime>117</TotalTime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支決算</vt:lpstr>
      <vt:lpstr>収支決算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藤田　龍二</cp:lastModifiedBy>
  <cp:revision>2</cp:revision>
  <cp:lastPrinted>2022-02-04T07:16:24Z</cp:lastPrinted>
  <dcterms:created xsi:type="dcterms:W3CDTF">2019-03-22T02:39:00Z</dcterms:created>
  <dcterms:modified xsi:type="dcterms:W3CDTF">2024-01-22T07:02:29Z</dcterms:modified>
</cp:coreProperties>
</file>